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2. Danka\10. 039_2021_ŠZM pre miniinv. výkony na bijúcom srdci\2. príprava\PTK\"/>
    </mc:Choice>
  </mc:AlternateContent>
  <bookViews>
    <workbookView xWindow="0" yWindow="0" windowWidth="23040" windowHeight="9195"/>
  </bookViews>
  <sheets>
    <sheet name="PTK ponuka" sheetId="8" r:id="rId1"/>
  </sheets>
  <definedNames>
    <definedName name="_xlnm.Print_Area" localSheetId="0">'PTK ponuka'!$A$1:$E$11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2" uniqueCount="146">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6.1</t>
  </si>
  <si>
    <t>6.2</t>
  </si>
  <si>
    <t>Príloha č. 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 xml:space="preserve">6. MINIMÁLNE OSOBITNÉ POŽIADAVKY NA PREDMET ZÁKAZKY A DOKLADY </t>
  </si>
  <si>
    <t xml:space="preserve">Prospektový materiál </t>
  </si>
  <si>
    <t>2.</t>
  </si>
  <si>
    <t>3.</t>
  </si>
  <si>
    <t>4.</t>
  </si>
  <si>
    <t>5.</t>
  </si>
  <si>
    <t>6.</t>
  </si>
  <si>
    <t>7.</t>
  </si>
  <si>
    <t>8.</t>
  </si>
  <si>
    <t>9.</t>
  </si>
  <si>
    <t>10.</t>
  </si>
  <si>
    <t>11.</t>
  </si>
  <si>
    <t>12.</t>
  </si>
  <si>
    <r>
      <rPr>
        <b/>
        <sz val="10"/>
        <rFont val="Arial"/>
        <family val="2"/>
        <charset val="238"/>
      </rPr>
      <t>Doklad s názvom ES vyhlásenie o zhode</t>
    </r>
    <r>
      <rPr>
        <sz val="10"/>
        <rFont val="Arial"/>
        <family val="2"/>
        <charset val="238"/>
      </rPr>
      <t xml:space="preserve"> a podklady k nemu, resp. iné doklady, ktoré nahrádzajú požadované potvrdenie</t>
    </r>
  </si>
  <si>
    <t>Tovar</t>
  </si>
  <si>
    <t>6.3</t>
  </si>
  <si>
    <r>
      <t xml:space="preserve">Požadované minimálne osobitné požiadavky na predmet zákazky a doklady:
</t>
    </r>
    <r>
      <rPr>
        <i/>
        <sz val="10"/>
        <color theme="1"/>
        <rFont val="Arial"/>
        <family val="2"/>
        <charset val="238"/>
      </rPr>
      <t>(bude požadované predložiť pri vyhlásení zákazky)</t>
    </r>
    <r>
      <rPr>
        <b/>
        <sz val="10"/>
        <color theme="1"/>
        <rFont val="Arial"/>
        <family val="2"/>
        <charset val="238"/>
      </rPr>
      <t xml:space="preserve">
</t>
    </r>
  </si>
  <si>
    <t>6.4</t>
  </si>
  <si>
    <r>
      <t xml:space="preserve">Neoverenú fotokópiu </t>
    </r>
    <r>
      <rPr>
        <b/>
        <sz val="10"/>
        <rFont val="Arial"/>
        <family val="2"/>
        <charset val="238"/>
      </rPr>
      <t>Potvrdenia ŠÚK</t>
    </r>
    <r>
      <rPr>
        <sz val="10"/>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t xml:space="preserve">Neoverenú fotokópiu právoplatného </t>
    </r>
    <r>
      <rPr>
        <b/>
        <sz val="10"/>
        <rFont val="Arial"/>
        <family val="2"/>
        <charset val="238"/>
      </rPr>
      <t>Rozhodnutia o zaradení zdravotníckej pomôcky v Zozname ŠZM spolu s prílohou</t>
    </r>
    <r>
      <rPr>
        <sz val="10"/>
        <rFont val="Arial"/>
        <family val="2"/>
        <charset val="238"/>
      </rPr>
      <t>, v ktorej sú uvedené podrobnosti o zaradení ponúkaného produktu v Zozname ŠZM ku všetkým ponúkaným produktom uvedeným v prílohe - Sortiment ponúkaného tovaru a príslušný produkt sa v čase lehoty na predkladanie ponúk nachádza v aktuálne platnom Zozname ŠZM, resp. ktorým bol Ministerstvom zdravotníctva Slovenskej republiky pridelený kategorizačný kód, no príslušný produkt sa v čase lehoty na predkladanie ponúk ešte nenachádza v aktuálne platnom Zozname ŠZM.</t>
    </r>
  </si>
  <si>
    <t>V súlade s § 25 zákona o verejnom obstarávaní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60000000-8  Dopravné služby (bez prepravy odpadu)</t>
  </si>
  <si>
    <t>Špeciálny materiál pre miniinvazívne výkony a výkony na bijúcom srdci</t>
  </si>
  <si>
    <t>Stabilizačný a fixačný systém na prednú stenu srdca</t>
  </si>
  <si>
    <t xml:space="preserve">Požadovaný počet MJ za zmluvné obdobie 12 mes. </t>
  </si>
  <si>
    <t>Položka č. 2</t>
  </si>
  <si>
    <t>Stabilizačný a fixačný systém na prednú stenu srdca musí:</t>
  </si>
  <si>
    <t>pozostávať z plne rotovateľného fixačného ramena a minimalizovanej fixačnej šrúbky</t>
  </si>
  <si>
    <t>umožňovať podtlakovú stabilizáciu</t>
  </si>
  <si>
    <t>umožňovať univerzálne fixovanie k štandardným hrudným retraktorom</t>
  </si>
  <si>
    <t>fixačné plochy musia byť flexibilné a tubing priesvitný, silikónové, plne polohovateľné a rotovateľné</t>
  </si>
  <si>
    <t>fixačný mechanizmus musí byť výrazne stabilný na kovový rám hrudného retraktora</t>
  </si>
  <si>
    <t>povrch fixačného ramena musí byť potiahnutý silikónom z dôvodu zábrany zatekania krvi do mechanických častí stabilizátora</t>
  </si>
  <si>
    <t>kompatibilita stabilizátora so sternálnym rozvieračom značky Medtronic, pevná fixácia na rám stabilizátora bez pohybu.</t>
  </si>
  <si>
    <t>Stabilizačný a fixačný systém na zadnú, spodnú a bočnú stenu srdca musí:</t>
  </si>
  <si>
    <t>pozostávať z fixačného ramena s podtlakovou stabilizáciou a minimalizovanej fixačnej šrúbky</t>
  </si>
  <si>
    <t>umožňovať univerzálne fixovanie k štandardným hrudným konektorom s úzkym profilom prispôsobené na šetrné uchytenie hrotu srdca do silikónového koša bez obmedzenia hemodynamiky</t>
  </si>
  <si>
    <t>fixačné plochy musia byť silikónové, plne polohovateľné a rotovateľné</t>
  </si>
  <si>
    <t>fixačný mechanizmus na kovový rám hrudného retraktora musí byť výrazne stabilný</t>
  </si>
  <si>
    <t>Položka č. 2 - Stabilizačný a fixačný systém na zadnú, spodnú a bočnú stenu srdca</t>
  </si>
  <si>
    <t>Stabilizačný a fixačný systém na zadnú, spodnú a bočnú stenu srdca</t>
  </si>
  <si>
    <r>
      <t xml:space="preserve">Dodávateľ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r>
      <t xml:space="preserve">Dodávateľ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r>
      <t xml:space="preserve">Dodávateľ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13.</t>
  </si>
  <si>
    <t>14.</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3.2</t>
  </si>
  <si>
    <t>v pracovných dňoch (do termínu sa nezapočítavajú dni pracovného voľna, pracovného pokoja a štátne sviatky),</t>
  </si>
  <si>
    <t>3.3</t>
  </si>
  <si>
    <t>v čase od 07:00 hod. do 15:00 hod.,</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2.1.</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t>
  </si>
  <si>
    <t>V prípade, ak sa po uzatvorení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jeden (1) kalendárny mesiac. Výpovedná doba začína plynúť od prvého dňa kalendárneho mesiaca nasledujúceho po doručení výpovede a skončí sa uplynutím posledného kalendárneho dňa príslušného mesiaca.</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5.</t>
  </si>
  <si>
    <t>Požaduje sa, aby dodávateľ v čase predloženia ponuky a zároveň počas trvania rámcovej dohody bol oprávnený na poskytnutie plnenia predmetu zákazky.</t>
  </si>
  <si>
    <t>16.</t>
  </si>
  <si>
    <t>Požaduje sa možnosť uplatnenia si náhrady škody u dodávateľa vo výške vzniknutých finančných nákladov a/alebo možnosť vrátenia nespotrebovanej časti tovaru v prípade nedodržania požiadaviek uvedených v bodoch 10. - 15. týchto zmluvných podmienok.</t>
  </si>
  <si>
    <t>17.</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Požaduje sa uzatvorenie rámcovej dohody, a to na na dohodnuté zmluvné obdobie 12.mesiacov, resp. do doby naplnenia zmluvného finančného objemu podľa toho, ktorá z uvedených skutočností nastane skôr.</t>
  </si>
  <si>
    <t>18.</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9.</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20.</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1.</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2.</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Položka č. 1 - Stabilizačný a fixačný systém na prednú stenu srdca</t>
  </si>
  <si>
    <t>Stabilizačný systém srdca s príslušenstvom, ktorý sa používajú pri operáciách bez použitia mimotelového obehu, tzv. operácie na „bijúcom srdci“, operácie Off Pump. Stabilizačný systém je určený na stabilizáciu, znehybnenie operovanej revaskularizovanej časti myokardu za účelom zmiernenia kontrakcií srdca, pohybu steny srdca.</t>
  </si>
  <si>
    <t>do dvadsiatichštyroch (24) hodín od doručenia písomnej objednávky dodávateľovi,</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33141240-4  Príslušenstvo ku katétrom</t>
  </si>
  <si>
    <t>33196000-0  Zdravotné pomôcky</t>
  </si>
  <si>
    <t>Štruktúrovaný rozpočet ceny</t>
  </si>
  <si>
    <t xml:space="preserve">Sortiment ponúkaného tovaru </t>
  </si>
  <si>
    <t xml:space="preserve">Príloha č. 3 </t>
  </si>
  <si>
    <t>Prospektový materiál</t>
  </si>
</sst>
</file>

<file path=xl/styles.xml><?xml version="1.0" encoding="utf-8"?>
<styleSheet xmlns="http://schemas.openxmlformats.org/spreadsheetml/2006/main" xmlns:mc="http://schemas.openxmlformats.org/markup-compatibility/2006" xmlns:x14ac="http://schemas.microsoft.com/office/spreadsheetml/2009/9/ac" mc:Ignorable="x14ac">
  <fonts count="14"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i/>
      <sz val="10"/>
      <color theme="1"/>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5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thin">
        <color auto="1"/>
      </left>
      <right/>
      <top/>
      <bottom style="thin">
        <color auto="1"/>
      </bottom>
      <diagonal/>
    </border>
    <border>
      <left style="medium">
        <color auto="1"/>
      </left>
      <right style="thin">
        <color auto="1"/>
      </right>
      <top/>
      <bottom style="thin">
        <color auto="1"/>
      </bottom>
      <diagonal/>
    </border>
    <border>
      <left style="medium">
        <color auto="1"/>
      </left>
      <right style="thin">
        <color auto="1"/>
      </right>
      <top style="thin">
        <color auto="1"/>
      </top>
      <bottom/>
      <diagonal/>
    </border>
    <border>
      <left style="thin">
        <color auto="1"/>
      </left>
      <right/>
      <top style="thin">
        <color auto="1"/>
      </top>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medium">
        <color indexed="64"/>
      </right>
      <top style="thin">
        <color auto="1"/>
      </top>
      <bottom/>
      <diagonal/>
    </border>
    <border>
      <left/>
      <right style="medium">
        <color indexed="64"/>
      </right>
      <top/>
      <bottom style="thin">
        <color auto="1"/>
      </bottom>
      <diagonal/>
    </border>
    <border>
      <left/>
      <right style="thin">
        <color auto="1"/>
      </right>
      <top style="thin">
        <color auto="1"/>
      </top>
      <bottom/>
      <diagonal/>
    </border>
    <border>
      <left style="medium">
        <color auto="1"/>
      </left>
      <right style="thin">
        <color auto="1"/>
      </right>
      <top/>
      <bottom/>
      <diagonal/>
    </border>
    <border>
      <left style="thin">
        <color auto="1"/>
      </left>
      <right style="thin">
        <color auto="1"/>
      </right>
      <top/>
      <bottom/>
      <diagonal/>
    </border>
    <border>
      <left style="thin">
        <color auto="1"/>
      </left>
      <right style="dotted">
        <color auto="1"/>
      </right>
      <top/>
      <bottom/>
      <diagonal/>
    </border>
    <border>
      <left style="dotted">
        <color auto="1"/>
      </left>
      <right/>
      <top/>
      <bottom/>
      <diagonal/>
    </border>
    <border>
      <left style="medium">
        <color auto="1"/>
      </left>
      <right style="thin">
        <color auto="1"/>
      </right>
      <top style="medium">
        <color auto="1"/>
      </top>
      <bottom style="thin">
        <color indexed="64"/>
      </bottom>
      <diagonal/>
    </border>
    <border>
      <left style="thin">
        <color auto="1"/>
      </left>
      <right style="thin">
        <color auto="1"/>
      </right>
      <top style="medium">
        <color auto="1"/>
      </top>
      <bottom style="thin">
        <color indexed="64"/>
      </bottom>
      <diagonal/>
    </border>
    <border>
      <left style="dotted">
        <color auto="1"/>
      </left>
      <right style="medium">
        <color auto="1"/>
      </right>
      <top style="medium">
        <color auto="1"/>
      </top>
      <bottom style="thin">
        <color indexed="64"/>
      </bottom>
      <diagonal/>
    </border>
    <border>
      <left style="dotted">
        <color auto="1"/>
      </left>
      <right style="dotted">
        <color auto="1"/>
      </right>
      <top style="medium">
        <color auto="1"/>
      </top>
      <bottom style="thin">
        <color indexed="64"/>
      </bottom>
      <diagonal/>
    </border>
    <border>
      <left/>
      <right style="medium">
        <color auto="1"/>
      </right>
      <top/>
      <bottom/>
      <diagonal/>
    </border>
    <border>
      <left style="medium">
        <color auto="1"/>
      </left>
      <right style="thin">
        <color auto="1"/>
      </right>
      <top/>
      <bottom style="medium">
        <color indexed="64"/>
      </bottom>
      <diagonal/>
    </border>
    <border>
      <left style="dotted">
        <color auto="1"/>
      </left>
      <right style="medium">
        <color auto="1"/>
      </right>
      <top style="thin">
        <color indexed="64"/>
      </top>
      <bottom style="medium">
        <color auto="1"/>
      </bottom>
      <diagonal/>
    </border>
    <border>
      <left style="dotted">
        <color auto="1"/>
      </left>
      <right/>
      <top style="thin">
        <color indexed="64"/>
      </top>
      <bottom/>
      <diagonal/>
    </border>
    <border>
      <left style="dotted">
        <color auto="1"/>
      </left>
      <right style="dotted">
        <color auto="1"/>
      </right>
      <top style="thin">
        <color indexed="64"/>
      </top>
      <bottom style="medium">
        <color auto="1"/>
      </bottom>
      <diagonal/>
    </border>
    <border>
      <left/>
      <right/>
      <top/>
      <bottom style="thin">
        <color auto="1"/>
      </bottom>
      <diagonal/>
    </border>
    <border>
      <left style="medium">
        <color auto="1"/>
      </left>
      <right/>
      <top/>
      <bottom style="thin">
        <color auto="1"/>
      </bottom>
      <diagonal/>
    </border>
    <border>
      <left/>
      <right style="medium">
        <color indexed="64"/>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left"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2" xfId="0" applyFont="1" applyBorder="1" applyAlignment="1">
      <alignment vertical="center" wrapText="1"/>
    </xf>
    <xf numFmtId="0" fontId="2" fillId="0" borderId="12" xfId="0" applyFont="1" applyFill="1" applyBorder="1" applyAlignment="1">
      <alignment horizontal="center" vertical="center" wrapText="1"/>
    </xf>
    <xf numFmtId="0" fontId="2" fillId="3" borderId="12" xfId="0" applyFont="1" applyFill="1" applyBorder="1" applyAlignment="1">
      <alignment horizontal="left" vertical="top" wrapText="1"/>
    </xf>
    <xf numFmtId="0" fontId="2" fillId="3" borderId="12"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0" fontId="10"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23"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4" fillId="0" borderId="12" xfId="0" applyNumberFormat="1" applyFont="1" applyFill="1" applyBorder="1" applyAlignment="1">
      <alignment horizontal="left" vertical="center" wrapText="1"/>
    </xf>
    <xf numFmtId="49" fontId="4" fillId="0" borderId="24"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49" fontId="2" fillId="0" borderId="27" xfId="0" applyNumberFormat="1" applyFont="1" applyFill="1" applyBorder="1" applyAlignment="1">
      <alignment horizontal="left" vertical="center" wrapText="1"/>
    </xf>
    <xf numFmtId="0" fontId="2" fillId="0" borderId="12" xfId="0" applyNumberFormat="1" applyFont="1" applyBorder="1" applyAlignment="1">
      <alignment horizontal="center" vertical="center" wrapText="1"/>
    </xf>
    <xf numFmtId="0" fontId="2" fillId="0" borderId="24" xfId="0" applyNumberFormat="1" applyFont="1" applyBorder="1" applyAlignment="1">
      <alignment horizontal="center" vertical="center" wrapText="1"/>
    </xf>
    <xf numFmtId="0" fontId="2" fillId="0" borderId="22" xfId="0" applyNumberFormat="1" applyFont="1" applyBorder="1" applyAlignment="1">
      <alignment horizontal="center" vertical="center" wrapText="1"/>
    </xf>
    <xf numFmtId="0" fontId="2" fillId="0" borderId="18" xfId="0" applyNumberFormat="1" applyFont="1" applyBorder="1" applyAlignment="1">
      <alignment horizontal="center" vertical="center" wrapText="1"/>
    </xf>
    <xf numFmtId="49" fontId="2" fillId="0" borderId="8" xfId="0" applyNumberFormat="1" applyFont="1" applyBorder="1" applyAlignment="1">
      <alignment horizontal="left" vertical="center"/>
    </xf>
    <xf numFmtId="49" fontId="4" fillId="0" borderId="0" xfId="1" applyNumberFormat="1" applyFont="1" applyBorder="1" applyAlignment="1">
      <alignment horizontal="left" vertical="top" wrapText="1"/>
    </xf>
    <xf numFmtId="0" fontId="2" fillId="0" borderId="31" xfId="0" applyNumberFormat="1" applyFont="1" applyBorder="1" applyAlignment="1">
      <alignment horizontal="center" vertical="center" wrapText="1"/>
    </xf>
    <xf numFmtId="0" fontId="2" fillId="0" borderId="26"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4" fillId="0" borderId="12" xfId="0" applyFont="1" applyBorder="1" applyAlignment="1">
      <alignment vertical="top" wrapText="1"/>
    </xf>
    <xf numFmtId="0" fontId="2" fillId="0" borderId="12" xfId="0" applyFont="1" applyBorder="1" applyAlignment="1">
      <alignment vertical="top" wrapText="1"/>
    </xf>
    <xf numFmtId="0" fontId="2" fillId="0" borderId="31" xfId="0" applyFont="1" applyBorder="1" applyAlignment="1">
      <alignment vertical="top" wrapText="1"/>
    </xf>
    <xf numFmtId="49" fontId="2" fillId="0" borderId="35" xfId="0" applyNumberFormat="1" applyFont="1" applyFill="1" applyBorder="1" applyAlignment="1">
      <alignment horizontal="center" vertical="center" wrapText="1"/>
    </xf>
    <xf numFmtId="0" fontId="4" fillId="0" borderId="36" xfId="0" applyFont="1" applyFill="1" applyBorder="1" applyAlignment="1">
      <alignment horizontal="left" vertical="center" wrapText="1"/>
    </xf>
    <xf numFmtId="0" fontId="2" fillId="0" borderId="37" xfId="0" applyNumberFormat="1" applyFont="1" applyBorder="1" applyAlignment="1">
      <alignment horizontal="center" vertical="center" wrapText="1"/>
    </xf>
    <xf numFmtId="0" fontId="2" fillId="0" borderId="12" xfId="0" applyFont="1" applyFill="1" applyBorder="1" applyAlignment="1">
      <alignment horizontal="center" vertical="top" wrapText="1"/>
    </xf>
    <xf numFmtId="49" fontId="2" fillId="0" borderId="39" xfId="0" applyNumberFormat="1" applyFont="1" applyFill="1" applyBorder="1" applyAlignment="1">
      <alignment horizontal="center" vertical="center" wrapText="1"/>
    </xf>
    <xf numFmtId="0" fontId="4" fillId="0" borderId="40" xfId="0" applyFont="1" applyFill="1" applyBorder="1" applyAlignment="1">
      <alignment horizontal="left" vertical="center" wrapText="1"/>
    </xf>
    <xf numFmtId="0" fontId="4" fillId="0" borderId="12" xfId="0" applyFont="1" applyFill="1" applyBorder="1" applyAlignment="1">
      <alignment horizontal="left" vertical="center" wrapText="1"/>
    </xf>
    <xf numFmtId="49" fontId="2" fillId="0" borderId="44" xfId="0" applyNumberFormat="1" applyFont="1" applyFill="1" applyBorder="1" applyAlignment="1">
      <alignment horizontal="center" vertical="center" wrapText="1"/>
    </xf>
    <xf numFmtId="0" fontId="5" fillId="0" borderId="24" xfId="0" applyFont="1" applyFill="1" applyBorder="1" applyAlignment="1">
      <alignment horizontal="left" vertical="center" wrapText="1"/>
    </xf>
    <xf numFmtId="16" fontId="5" fillId="0" borderId="0" xfId="0" applyNumberFormat="1" applyFont="1" applyFill="1" applyAlignment="1">
      <alignment horizontal="left" vertical="top" wrapText="1"/>
    </xf>
    <xf numFmtId="3" fontId="4" fillId="0" borderId="12" xfId="0" applyNumberFormat="1" applyFont="1" applyFill="1" applyBorder="1" applyAlignment="1">
      <alignment horizontal="center" vertical="center" wrapText="1"/>
    </xf>
    <xf numFmtId="49" fontId="2" fillId="0" borderId="13" xfId="0" applyNumberFormat="1" applyFont="1" applyBorder="1" applyAlignment="1">
      <alignment horizontal="left" vertical="center"/>
    </xf>
    <xf numFmtId="0" fontId="2" fillId="0" borderId="0" xfId="0" applyNumberFormat="1" applyFont="1" applyBorder="1" applyAlignment="1">
      <alignment horizontal="center" vertical="center" wrapText="1"/>
    </xf>
    <xf numFmtId="0" fontId="2" fillId="0" borderId="0" xfId="0" applyFont="1" applyFill="1" applyBorder="1" applyAlignment="1">
      <alignment horizontal="left" vertical="center" wrapText="1"/>
    </xf>
    <xf numFmtId="49" fontId="2" fillId="0" borderId="28" xfId="0" applyNumberFormat="1" applyFont="1" applyFill="1" applyBorder="1" applyAlignment="1">
      <alignment horizontal="left" vertical="center" wrapText="1"/>
    </xf>
    <xf numFmtId="0" fontId="2" fillId="0" borderId="30" xfId="0" applyFont="1" applyBorder="1" applyAlignment="1">
      <alignment vertical="top" wrapText="1"/>
    </xf>
    <xf numFmtId="49" fontId="2" fillId="0" borderId="12" xfId="0" applyNumberFormat="1" applyFont="1" applyFill="1" applyBorder="1" applyAlignment="1">
      <alignment horizontal="left" vertical="center" wrapText="1"/>
    </xf>
    <xf numFmtId="0" fontId="2" fillId="0" borderId="12" xfId="0" applyFont="1" applyBorder="1" applyAlignment="1">
      <alignment horizontal="left" vertical="top" wrapText="1"/>
    </xf>
    <xf numFmtId="0" fontId="2" fillId="0" borderId="5" xfId="0" applyFont="1" applyBorder="1" applyAlignment="1">
      <alignment vertical="top" wrapText="1"/>
    </xf>
    <xf numFmtId="49" fontId="4" fillId="0" borderId="0" xfId="1" applyNumberFormat="1" applyFont="1" applyBorder="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42" xfId="0" applyFont="1" applyFill="1" applyBorder="1" applyAlignment="1">
      <alignment horizontal="left" vertical="center" wrapText="1"/>
    </xf>
    <xf numFmtId="0" fontId="2" fillId="0" borderId="41"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1"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2"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2" fillId="0" borderId="0" xfId="0" applyFont="1" applyFill="1" applyAlignment="1">
      <alignment horizontal="center" vertical="top" wrapText="1"/>
    </xf>
    <xf numFmtId="49" fontId="2" fillId="0" borderId="12"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11" fillId="0" borderId="0" xfId="5" applyFont="1" applyAlignment="1">
      <alignment horizontal="center" vertical="center" wrapText="1"/>
    </xf>
    <xf numFmtId="0" fontId="6" fillId="0" borderId="0" xfId="4" applyFont="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vertical="top" wrapText="1"/>
    </xf>
    <xf numFmtId="49" fontId="5" fillId="5" borderId="10"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46" xfId="0" applyFont="1" applyFill="1" applyBorder="1" applyAlignment="1">
      <alignment horizontal="center" vertical="center" wrapText="1"/>
    </xf>
    <xf numFmtId="0" fontId="2" fillId="0" borderId="32" xfId="0" applyFont="1" applyFill="1" applyBorder="1" applyAlignment="1">
      <alignment horizontal="center" vertical="center" wrapText="1"/>
    </xf>
    <xf numFmtId="0" fontId="2" fillId="0" borderId="30" xfId="0" applyNumberFormat="1" applyFont="1" applyBorder="1" applyAlignment="1">
      <alignment horizontal="center" vertical="center" wrapText="1"/>
    </xf>
    <xf numFmtId="0" fontId="2" fillId="0" borderId="31" xfId="0" applyNumberFormat="1" applyFont="1" applyBorder="1" applyAlignment="1">
      <alignment horizontal="center" vertical="center" wrapText="1"/>
    </xf>
    <xf numFmtId="0" fontId="2" fillId="0" borderId="29"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4" xfId="0" applyNumberFormat="1" applyFont="1" applyBorder="1" applyAlignment="1">
      <alignment horizontal="center" vertical="center" wrapText="1"/>
    </xf>
    <xf numFmtId="49" fontId="2" fillId="0" borderId="24" xfId="0" applyNumberFormat="1" applyFont="1" applyBorder="1" applyAlignment="1">
      <alignment horizontal="left" vertical="center" wrapText="1"/>
    </xf>
    <xf numFmtId="49" fontId="2" fillId="0" borderId="25" xfId="0" applyNumberFormat="1" applyFont="1" applyBorder="1" applyAlignment="1">
      <alignment horizontal="left" vertical="center" wrapText="1"/>
    </xf>
    <xf numFmtId="49" fontId="5" fillId="5" borderId="49" xfId="0" applyNumberFormat="1" applyFont="1" applyFill="1" applyBorder="1" applyAlignment="1">
      <alignment horizontal="left" vertical="center" wrapText="1"/>
    </xf>
    <xf numFmtId="49" fontId="5" fillId="5" borderId="48" xfId="0" applyNumberFormat="1" applyFont="1" applyFill="1" applyBorder="1" applyAlignment="1">
      <alignment horizontal="left" vertical="center" wrapText="1"/>
    </xf>
    <xf numFmtId="49" fontId="5" fillId="5" borderId="33" xfId="0" applyNumberFormat="1" applyFont="1" applyFill="1" applyBorder="1" applyAlignment="1">
      <alignment horizontal="left"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2" fillId="0" borderId="5" xfId="0" applyNumberFormat="1" applyFont="1" applyBorder="1" applyAlignment="1">
      <alignment horizontal="center" vertical="center" wrapText="1"/>
    </xf>
    <xf numFmtId="49" fontId="2" fillId="0" borderId="50" xfId="0" applyNumberFormat="1" applyFont="1" applyBorder="1" applyAlignment="1">
      <alignment horizontal="center" vertical="center" wrapText="1"/>
    </xf>
    <xf numFmtId="0" fontId="2" fillId="0" borderId="38" xfId="0" applyFont="1" applyFill="1" applyBorder="1" applyAlignment="1">
      <alignment horizontal="center" vertical="center" wrapText="1"/>
    </xf>
    <xf numFmtId="0" fontId="2" fillId="0" borderId="43" xfId="0" applyFont="1" applyFill="1" applyBorder="1" applyAlignment="1">
      <alignment horizontal="center" vertical="center"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7">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2</xdr:row>
          <xdr:rowOff>9525</xdr:rowOff>
        </xdr:from>
        <xdr:to>
          <xdr:col>0</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3</xdr:row>
          <xdr:rowOff>0</xdr:rowOff>
        </xdr:from>
        <xdr:to>
          <xdr:col>0</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F132"/>
  <sheetViews>
    <sheetView showGridLines="0" tabSelected="1" zoomScale="80" zoomScaleNormal="80" workbookViewId="0">
      <selection activeCell="H107" sqref="H107"/>
    </sheetView>
  </sheetViews>
  <sheetFormatPr defaultRowHeight="12.75" x14ac:dyDescent="0.2"/>
  <cols>
    <col min="1" max="1" width="13.5703125" style="1" customWidth="1"/>
    <col min="2" max="2" width="64.85546875" style="1" customWidth="1"/>
    <col min="3" max="3" width="16.42578125" style="8" customWidth="1"/>
    <col min="4" max="4" width="13.7109375" style="8" customWidth="1"/>
    <col min="5" max="5" width="19.7109375" style="2" customWidth="1"/>
    <col min="6" max="6" width="17.140625" style="1" customWidth="1"/>
    <col min="7" max="7" width="9.140625" style="1"/>
    <col min="8" max="8" width="9.140625" style="1" customWidth="1"/>
    <col min="9" max="16384" width="9.140625" style="1"/>
  </cols>
  <sheetData>
    <row r="1" spans="1:5" ht="24" customHeight="1" x14ac:dyDescent="0.2">
      <c r="A1" s="85" t="s">
        <v>46</v>
      </c>
      <c r="B1" s="85"/>
      <c r="C1" s="85"/>
      <c r="D1" s="85"/>
      <c r="E1" s="85"/>
    </row>
    <row r="2" spans="1:5" ht="27.75" customHeight="1" x14ac:dyDescent="0.2">
      <c r="A2" s="84" t="s">
        <v>44</v>
      </c>
      <c r="B2" s="84"/>
      <c r="C2" s="84"/>
      <c r="D2" s="84"/>
      <c r="E2" s="84"/>
    </row>
    <row r="3" spans="1:5" ht="58.5" customHeight="1" x14ac:dyDescent="0.2">
      <c r="A3" s="106" t="s">
        <v>70</v>
      </c>
      <c r="B3" s="106"/>
      <c r="C3" s="106"/>
      <c r="D3" s="106"/>
      <c r="E3" s="106"/>
    </row>
    <row r="4" spans="1:5" ht="24.95" customHeight="1" x14ac:dyDescent="0.2">
      <c r="A4" s="44" t="s">
        <v>49</v>
      </c>
      <c r="B4" s="45"/>
      <c r="C4" s="41"/>
      <c r="D4" s="41"/>
      <c r="E4" s="41"/>
    </row>
    <row r="5" spans="1:5" ht="24.95" customHeight="1" x14ac:dyDescent="0.2">
      <c r="A5" s="44" t="s">
        <v>47</v>
      </c>
      <c r="B5" s="46"/>
      <c r="C5" s="41"/>
      <c r="D5" s="41"/>
      <c r="E5" s="41"/>
    </row>
    <row r="6" spans="1:5" ht="5.0999999999999996" customHeight="1" x14ac:dyDescent="0.2">
      <c r="A6" s="41"/>
      <c r="B6" s="41"/>
      <c r="C6" s="41"/>
      <c r="D6" s="41"/>
      <c r="E6" s="41"/>
    </row>
    <row r="7" spans="1:5" s="2" customFormat="1" ht="20.100000000000001" customHeight="1" x14ac:dyDescent="0.25">
      <c r="A7" s="94" t="s">
        <v>5</v>
      </c>
      <c r="B7" s="94"/>
      <c r="C7" s="94"/>
      <c r="D7" s="94"/>
      <c r="E7" s="94"/>
    </row>
    <row r="8" spans="1:5" s="2" customFormat="1" ht="20.100000000000001" customHeight="1" x14ac:dyDescent="0.25">
      <c r="A8" s="143" t="s">
        <v>9</v>
      </c>
      <c r="B8" s="143"/>
      <c r="C8" s="143"/>
      <c r="D8" s="143"/>
      <c r="E8" s="143"/>
    </row>
    <row r="9" spans="1:5" ht="24.95" customHeight="1" x14ac:dyDescent="0.2">
      <c r="A9" s="144" t="s">
        <v>72</v>
      </c>
      <c r="B9" s="144"/>
      <c r="C9" s="144"/>
      <c r="D9" s="144"/>
      <c r="E9" s="144"/>
    </row>
    <row r="10" spans="1:5" ht="4.5" customHeight="1" x14ac:dyDescent="0.2">
      <c r="A10" s="43"/>
      <c r="B10" s="43"/>
      <c r="C10" s="43"/>
      <c r="D10" s="43"/>
      <c r="E10" s="43"/>
    </row>
    <row r="11" spans="1:5" s="2" customFormat="1" ht="20.100000000000001" customHeight="1" x14ac:dyDescent="0.25">
      <c r="A11" s="145" t="s">
        <v>10</v>
      </c>
      <c r="B11" s="145"/>
      <c r="C11" s="145"/>
      <c r="D11" s="145"/>
      <c r="E11" s="145"/>
    </row>
    <row r="12" spans="1:5" s="2" customFormat="1" ht="20.100000000000001" customHeight="1" x14ac:dyDescent="0.25">
      <c r="A12" s="118" t="s">
        <v>141</v>
      </c>
      <c r="B12" s="118"/>
      <c r="C12" s="118"/>
      <c r="D12" s="49"/>
      <c r="E12" s="49"/>
    </row>
    <row r="13" spans="1:5" s="2" customFormat="1" ht="20.100000000000001" customHeight="1" x14ac:dyDescent="0.25">
      <c r="A13" s="118" t="s">
        <v>140</v>
      </c>
      <c r="B13" s="118"/>
      <c r="C13" s="118"/>
      <c r="D13" s="73"/>
      <c r="E13" s="73"/>
    </row>
    <row r="14" spans="1:5" s="3" customFormat="1" ht="20.100000000000001" customHeight="1" x14ac:dyDescent="0.25">
      <c r="A14" s="118" t="s">
        <v>71</v>
      </c>
      <c r="B14" s="118"/>
      <c r="C14" s="118"/>
      <c r="D14" s="21"/>
      <c r="E14" s="22"/>
    </row>
    <row r="15" spans="1:5" ht="4.5" customHeight="1" x14ac:dyDescent="0.2">
      <c r="A15" s="43"/>
      <c r="B15" s="43"/>
      <c r="C15" s="43"/>
      <c r="D15" s="43"/>
      <c r="E15" s="43"/>
    </row>
    <row r="16" spans="1:5" ht="20.100000000000001" customHeight="1" x14ac:dyDescent="0.2">
      <c r="A16" s="42" t="s">
        <v>11</v>
      </c>
      <c r="B16" s="23"/>
      <c r="C16" s="23"/>
      <c r="D16" s="24"/>
      <c r="E16" s="24"/>
    </row>
    <row r="17" spans="1:5" s="3" customFormat="1" ht="24.95" customHeight="1" x14ac:dyDescent="0.25">
      <c r="A17" s="116" t="s">
        <v>64</v>
      </c>
      <c r="B17" s="116"/>
      <c r="C17" s="116"/>
      <c r="D17" s="21"/>
      <c r="E17" s="22"/>
    </row>
    <row r="18" spans="1:5" ht="5.0999999999999996" customHeight="1" x14ac:dyDescent="0.2">
      <c r="A18" s="117"/>
      <c r="B18" s="117"/>
      <c r="C18" s="117"/>
      <c r="E18" s="16"/>
    </row>
    <row r="19" spans="1:5" s="2" customFormat="1" ht="20.100000000000001" customHeight="1" x14ac:dyDescent="0.25">
      <c r="A19" s="94" t="s">
        <v>23</v>
      </c>
      <c r="B19" s="94"/>
      <c r="C19" s="94"/>
      <c r="D19" s="94"/>
      <c r="E19" s="94"/>
    </row>
    <row r="20" spans="1:5" ht="41.25" customHeight="1" x14ac:dyDescent="0.2">
      <c r="A20" s="118" t="s">
        <v>137</v>
      </c>
      <c r="B20" s="118"/>
      <c r="C20" s="118"/>
      <c r="D20" s="118"/>
      <c r="E20" s="118"/>
    </row>
    <row r="21" spans="1:5" ht="5.0999999999999996" customHeight="1" x14ac:dyDescent="0.2">
      <c r="A21" s="117"/>
      <c r="B21" s="117"/>
      <c r="C21" s="117"/>
      <c r="E21" s="16"/>
    </row>
    <row r="22" spans="1:5" s="2" customFormat="1" ht="20.100000000000001" customHeight="1" x14ac:dyDescent="0.25">
      <c r="A22" s="94" t="s">
        <v>24</v>
      </c>
      <c r="B22" s="94"/>
      <c r="C22" s="94"/>
      <c r="D22" s="94"/>
      <c r="E22" s="94"/>
    </row>
    <row r="23" spans="1:5" s="9" customFormat="1" ht="20.100000000000001" customHeight="1" x14ac:dyDescent="0.25">
      <c r="A23" s="122" t="s">
        <v>6</v>
      </c>
      <c r="B23" s="122"/>
      <c r="C23" s="122"/>
      <c r="D23" s="122"/>
      <c r="E23" s="122"/>
    </row>
    <row r="24" spans="1:5" s="9" customFormat="1" ht="20.100000000000001" customHeight="1" x14ac:dyDescent="0.25">
      <c r="A24" s="86" t="s">
        <v>17</v>
      </c>
      <c r="B24" s="87"/>
      <c r="C24" s="15"/>
      <c r="D24" s="15"/>
      <c r="E24" s="15"/>
    </row>
    <row r="25" spans="1:5" s="9" customFormat="1" ht="20.100000000000001" customHeight="1" x14ac:dyDescent="0.25">
      <c r="A25" s="14"/>
      <c r="B25" s="14" t="s">
        <v>21</v>
      </c>
      <c r="C25" s="15"/>
      <c r="D25" s="15"/>
      <c r="E25" s="15"/>
    </row>
    <row r="26" spans="1:5" s="9" customFormat="1" ht="20.100000000000001" customHeight="1" x14ac:dyDescent="0.25">
      <c r="A26" s="14"/>
      <c r="B26" s="14" t="s">
        <v>22</v>
      </c>
      <c r="C26" s="15"/>
      <c r="D26" s="15"/>
      <c r="E26" s="15"/>
    </row>
    <row r="27" spans="1:5" s="9" customFormat="1" ht="20.100000000000001" customHeight="1" x14ac:dyDescent="0.25">
      <c r="A27" s="86" t="s">
        <v>18</v>
      </c>
      <c r="B27" s="87"/>
      <c r="C27" s="15"/>
      <c r="D27" s="15"/>
      <c r="E27" s="15"/>
    </row>
    <row r="28" spans="1:5" s="9" customFormat="1" ht="45" customHeight="1" x14ac:dyDescent="0.25">
      <c r="A28" s="19" t="s">
        <v>19</v>
      </c>
      <c r="B28" s="123" t="s">
        <v>13</v>
      </c>
      <c r="C28" s="124"/>
      <c r="D28" s="20" t="s">
        <v>12</v>
      </c>
      <c r="E28" s="67" t="s">
        <v>74</v>
      </c>
    </row>
    <row r="29" spans="1:5" s="9" customFormat="1" ht="24.95" customHeight="1" x14ac:dyDescent="0.25">
      <c r="A29" s="17" t="s">
        <v>2</v>
      </c>
      <c r="B29" s="125" t="s">
        <v>73</v>
      </c>
      <c r="C29" s="126"/>
      <c r="D29" s="18" t="s">
        <v>1</v>
      </c>
      <c r="E29" s="74">
        <v>125</v>
      </c>
    </row>
    <row r="30" spans="1:5" s="9" customFormat="1" ht="24.95" customHeight="1" x14ac:dyDescent="0.25">
      <c r="A30" s="17" t="s">
        <v>75</v>
      </c>
      <c r="B30" s="125" t="s">
        <v>90</v>
      </c>
      <c r="C30" s="126"/>
      <c r="D30" s="18" t="s">
        <v>1</v>
      </c>
      <c r="E30" s="74">
        <v>3</v>
      </c>
    </row>
    <row r="31" spans="1:5" s="9" customFormat="1" ht="4.5" customHeight="1" x14ac:dyDescent="0.25">
      <c r="A31" s="15"/>
      <c r="B31" s="15"/>
      <c r="C31" s="15"/>
      <c r="D31" s="15"/>
      <c r="E31" s="15"/>
    </row>
    <row r="32" spans="1:5" s="9" customFormat="1" ht="20.100000000000001" customHeight="1" x14ac:dyDescent="0.25">
      <c r="A32" s="86" t="s">
        <v>20</v>
      </c>
      <c r="B32" s="87"/>
      <c r="C32" s="15"/>
      <c r="D32" s="15"/>
      <c r="E32" s="15"/>
    </row>
    <row r="33" spans="1:6" s="9" customFormat="1" ht="20.100000000000001" customHeight="1" x14ac:dyDescent="0.2">
      <c r="A33" s="10"/>
      <c r="B33" s="9" t="s">
        <v>3</v>
      </c>
      <c r="C33" s="15"/>
      <c r="D33" s="15"/>
      <c r="E33" s="15"/>
    </row>
    <row r="34" spans="1:6" s="9" customFormat="1" ht="20.100000000000001" customHeight="1" x14ac:dyDescent="0.25">
      <c r="A34" s="14"/>
      <c r="B34" s="2" t="s">
        <v>4</v>
      </c>
      <c r="C34" s="15"/>
      <c r="D34" s="15"/>
      <c r="E34" s="15"/>
    </row>
    <row r="35" spans="1:6" ht="5.0999999999999996" customHeight="1" x14ac:dyDescent="0.2"/>
    <row r="36" spans="1:6" s="2" customFormat="1" ht="20.100000000000001" customHeight="1" x14ac:dyDescent="0.25">
      <c r="A36" s="94" t="s">
        <v>25</v>
      </c>
      <c r="B36" s="94"/>
      <c r="C36" s="94"/>
      <c r="D36" s="94"/>
      <c r="E36" s="94"/>
    </row>
    <row r="37" spans="1:6" s="2" customFormat="1" ht="5.0999999999999996" customHeight="1" thickBot="1" x14ac:dyDescent="0.3">
      <c r="A37" s="16"/>
      <c r="C37" s="6"/>
      <c r="D37" s="6"/>
      <c r="E37" s="6"/>
    </row>
    <row r="38" spans="1:6" s="3" customFormat="1" ht="93" customHeight="1" x14ac:dyDescent="0.25">
      <c r="A38" s="95" t="s">
        <v>0</v>
      </c>
      <c r="B38" s="96"/>
      <c r="C38" s="99" t="s">
        <v>91</v>
      </c>
      <c r="D38" s="100"/>
      <c r="E38" s="101"/>
      <c r="F38" s="25"/>
    </row>
    <row r="39" spans="1:6" s="3" customFormat="1" ht="30" customHeight="1" thickBot="1" x14ac:dyDescent="0.3">
      <c r="A39" s="97"/>
      <c r="B39" s="98"/>
      <c r="C39" s="26" t="s">
        <v>26</v>
      </c>
      <c r="D39" s="150" t="s">
        <v>27</v>
      </c>
      <c r="E39" s="151"/>
    </row>
    <row r="40" spans="1:6" s="27" customFormat="1" ht="24.95" customHeight="1" x14ac:dyDescent="0.25">
      <c r="A40" s="119" t="s">
        <v>136</v>
      </c>
      <c r="B40" s="120"/>
      <c r="C40" s="120"/>
      <c r="D40" s="120"/>
      <c r="E40" s="121"/>
    </row>
    <row r="41" spans="1:6" s="4" customFormat="1" ht="24" customHeight="1" x14ac:dyDescent="0.25">
      <c r="A41" s="56" t="s">
        <v>76</v>
      </c>
      <c r="B41" s="47"/>
      <c r="C41" s="52"/>
      <c r="D41" s="104"/>
      <c r="E41" s="105"/>
    </row>
    <row r="42" spans="1:6" s="4" customFormat="1" ht="24" customHeight="1" x14ac:dyDescent="0.25">
      <c r="A42" s="56" t="s">
        <v>15</v>
      </c>
      <c r="B42" s="47" t="s">
        <v>77</v>
      </c>
      <c r="C42" s="52"/>
      <c r="D42" s="104"/>
      <c r="E42" s="105"/>
    </row>
    <row r="43" spans="1:6" s="4" customFormat="1" ht="24.95" customHeight="1" x14ac:dyDescent="0.25">
      <c r="A43" s="56" t="s">
        <v>52</v>
      </c>
      <c r="B43" s="47" t="s">
        <v>78</v>
      </c>
      <c r="C43" s="52"/>
      <c r="D43" s="107"/>
      <c r="E43" s="108"/>
    </row>
    <row r="44" spans="1:6" s="4" customFormat="1" ht="24.95" customHeight="1" x14ac:dyDescent="0.25">
      <c r="A44" s="56" t="s">
        <v>53</v>
      </c>
      <c r="B44" s="47" t="s">
        <v>79</v>
      </c>
      <c r="C44" s="52"/>
      <c r="D44" s="146"/>
      <c r="E44" s="147"/>
    </row>
    <row r="45" spans="1:6" s="4" customFormat="1" ht="24.95" customHeight="1" x14ac:dyDescent="0.25">
      <c r="A45" s="56" t="s">
        <v>54</v>
      </c>
      <c r="B45" s="47" t="s">
        <v>80</v>
      </c>
      <c r="C45" s="52"/>
      <c r="D45" s="107"/>
      <c r="E45" s="108"/>
    </row>
    <row r="46" spans="1:6" s="4" customFormat="1" ht="24.95" customHeight="1" x14ac:dyDescent="0.25">
      <c r="A46" s="56" t="s">
        <v>55</v>
      </c>
      <c r="B46" s="47" t="s">
        <v>81</v>
      </c>
      <c r="C46" s="52"/>
      <c r="D46" s="107"/>
      <c r="E46" s="108"/>
      <c r="F46" s="28"/>
    </row>
    <row r="47" spans="1:6" s="4" customFormat="1" ht="24.95" customHeight="1" x14ac:dyDescent="0.25">
      <c r="A47" s="56" t="s">
        <v>56</v>
      </c>
      <c r="B47" s="47" t="s">
        <v>82</v>
      </c>
      <c r="C47" s="52"/>
      <c r="D47" s="104"/>
      <c r="E47" s="105"/>
    </row>
    <row r="48" spans="1:6" s="4" customFormat="1" ht="24.95" customHeight="1" thickBot="1" x14ac:dyDescent="0.3">
      <c r="A48" s="56" t="s">
        <v>57</v>
      </c>
      <c r="B48" s="47" t="s">
        <v>83</v>
      </c>
      <c r="C48" s="52"/>
      <c r="D48" s="104"/>
      <c r="E48" s="105"/>
    </row>
    <row r="49" spans="1:5" s="27" customFormat="1" ht="24.95" customHeight="1" x14ac:dyDescent="0.25">
      <c r="A49" s="140" t="s">
        <v>89</v>
      </c>
      <c r="B49" s="141"/>
      <c r="C49" s="120"/>
      <c r="D49" s="141"/>
      <c r="E49" s="142"/>
    </row>
    <row r="50" spans="1:5" s="4" customFormat="1" ht="24.75" customHeight="1" x14ac:dyDescent="0.25">
      <c r="A50" s="56" t="s">
        <v>84</v>
      </c>
      <c r="B50" s="47"/>
      <c r="C50" s="52"/>
      <c r="D50" s="107"/>
      <c r="E50" s="108"/>
    </row>
    <row r="51" spans="1:5" s="4" customFormat="1" ht="24.75" customHeight="1" x14ac:dyDescent="0.25">
      <c r="A51" s="56" t="s">
        <v>15</v>
      </c>
      <c r="B51" s="47" t="s">
        <v>85</v>
      </c>
      <c r="C51" s="52"/>
      <c r="D51" s="146"/>
      <c r="E51" s="147"/>
    </row>
    <row r="52" spans="1:5" s="4" customFormat="1" ht="44.25" customHeight="1" x14ac:dyDescent="0.25">
      <c r="A52" s="56" t="s">
        <v>52</v>
      </c>
      <c r="B52" s="47" t="s">
        <v>86</v>
      </c>
      <c r="C52" s="52"/>
      <c r="D52" s="104"/>
      <c r="E52" s="105"/>
    </row>
    <row r="53" spans="1:5" s="4" customFormat="1" ht="22.5" customHeight="1" x14ac:dyDescent="0.25">
      <c r="A53" s="56" t="s">
        <v>53</v>
      </c>
      <c r="B53" s="47" t="s">
        <v>87</v>
      </c>
      <c r="C53" s="52"/>
      <c r="D53" s="107"/>
      <c r="E53" s="108"/>
    </row>
    <row r="54" spans="1:5" s="4" customFormat="1" ht="24.95" customHeight="1" x14ac:dyDescent="0.25">
      <c r="A54" s="56" t="s">
        <v>54</v>
      </c>
      <c r="B54" s="47" t="s">
        <v>88</v>
      </c>
      <c r="C54" s="52"/>
      <c r="D54" s="107"/>
      <c r="E54" s="108"/>
    </row>
    <row r="55" spans="1:5" s="4" customFormat="1" ht="30" customHeight="1" thickBot="1" x14ac:dyDescent="0.3">
      <c r="A55" s="75" t="s">
        <v>55</v>
      </c>
      <c r="B55" s="48" t="s">
        <v>83</v>
      </c>
      <c r="C55" s="53"/>
      <c r="D55" s="138"/>
      <c r="E55" s="139"/>
    </row>
    <row r="56" spans="1:5" s="3" customFormat="1" ht="5.0999999999999996" customHeight="1" x14ac:dyDescent="0.25">
      <c r="A56" s="5"/>
      <c r="B56" s="5"/>
      <c r="C56" s="7"/>
      <c r="D56" s="7"/>
      <c r="E56" s="29"/>
    </row>
    <row r="57" spans="1:5" s="2" customFormat="1" ht="20.100000000000001" customHeight="1" x14ac:dyDescent="0.25">
      <c r="A57" s="94" t="s">
        <v>45</v>
      </c>
      <c r="B57" s="94"/>
      <c r="C57" s="94"/>
      <c r="D57" s="94"/>
      <c r="E57" s="94"/>
    </row>
    <row r="58" spans="1:5" s="2" customFormat="1" ht="5.0999999999999996" customHeight="1" thickBot="1" x14ac:dyDescent="0.3">
      <c r="A58" s="16"/>
      <c r="C58" s="6"/>
      <c r="D58" s="6"/>
      <c r="E58" s="6"/>
    </row>
    <row r="59" spans="1:5" s="3" customFormat="1" ht="82.5" customHeight="1" x14ac:dyDescent="0.25">
      <c r="A59" s="95" t="s">
        <v>8</v>
      </c>
      <c r="B59" s="96"/>
      <c r="C59" s="99" t="s">
        <v>92</v>
      </c>
      <c r="D59" s="100"/>
      <c r="E59" s="101"/>
    </row>
    <row r="60" spans="1:5" s="3" customFormat="1" ht="30" customHeight="1" thickBot="1" x14ac:dyDescent="0.3">
      <c r="A60" s="97"/>
      <c r="B60" s="98"/>
      <c r="C60" s="26" t="s">
        <v>7</v>
      </c>
      <c r="D60" s="102" t="s">
        <v>28</v>
      </c>
      <c r="E60" s="103"/>
    </row>
    <row r="61" spans="1:5" s="2" customFormat="1" ht="45" customHeight="1" x14ac:dyDescent="0.25">
      <c r="A61" s="13" t="s">
        <v>15</v>
      </c>
      <c r="B61" s="61" t="s">
        <v>125</v>
      </c>
      <c r="C61" s="52"/>
      <c r="D61" s="90"/>
      <c r="E61" s="91"/>
    </row>
    <row r="62" spans="1:5" s="2" customFormat="1" ht="58.5" customHeight="1" x14ac:dyDescent="0.25">
      <c r="A62" s="13" t="s">
        <v>52</v>
      </c>
      <c r="B62" s="62" t="s">
        <v>96</v>
      </c>
      <c r="C62" s="52"/>
      <c r="D62" s="90"/>
      <c r="E62" s="91"/>
    </row>
    <row r="63" spans="1:5" s="2" customFormat="1" ht="24.75" customHeight="1" x14ac:dyDescent="0.25">
      <c r="A63" s="13" t="s">
        <v>53</v>
      </c>
      <c r="B63" s="62" t="s">
        <v>97</v>
      </c>
      <c r="C63" s="52"/>
      <c r="D63" s="90"/>
      <c r="E63" s="91"/>
    </row>
    <row r="64" spans="1:5" s="2" customFormat="1" ht="24.75" customHeight="1" x14ac:dyDescent="0.25">
      <c r="A64" s="50" t="s">
        <v>98</v>
      </c>
      <c r="B64" s="62" t="s">
        <v>138</v>
      </c>
      <c r="C64" s="52"/>
      <c r="D64" s="90"/>
      <c r="E64" s="91"/>
    </row>
    <row r="65" spans="1:5" s="2" customFormat="1" ht="24.75" customHeight="1" x14ac:dyDescent="0.25">
      <c r="A65" s="50" t="s">
        <v>99</v>
      </c>
      <c r="B65" s="62" t="s">
        <v>100</v>
      </c>
      <c r="C65" s="52"/>
      <c r="D65" s="90"/>
      <c r="E65" s="91"/>
    </row>
    <row r="66" spans="1:5" s="2" customFormat="1" ht="24.75" customHeight="1" x14ac:dyDescent="0.25">
      <c r="A66" s="50" t="s">
        <v>101</v>
      </c>
      <c r="B66" s="62" t="s">
        <v>102</v>
      </c>
      <c r="C66" s="52"/>
      <c r="D66" s="90"/>
      <c r="E66" s="91"/>
    </row>
    <row r="67" spans="1:5" s="2" customFormat="1" ht="54" customHeight="1" x14ac:dyDescent="0.25">
      <c r="A67" s="50" t="s">
        <v>103</v>
      </c>
      <c r="B67" s="62" t="s">
        <v>104</v>
      </c>
      <c r="C67" s="52"/>
      <c r="D67" s="90"/>
      <c r="E67" s="91"/>
    </row>
    <row r="68" spans="1:5" s="2" customFormat="1" ht="69.75" customHeight="1" x14ac:dyDescent="0.25">
      <c r="A68" s="50" t="s">
        <v>105</v>
      </c>
      <c r="B68" s="82" t="s">
        <v>106</v>
      </c>
      <c r="C68" s="137"/>
      <c r="D68" s="133"/>
      <c r="E68" s="134"/>
    </row>
    <row r="69" spans="1:5" s="2" customFormat="1" ht="135.75" customHeight="1" x14ac:dyDescent="0.25">
      <c r="A69" s="51" t="s">
        <v>54</v>
      </c>
      <c r="B69" s="63" t="s">
        <v>107</v>
      </c>
      <c r="C69" s="132"/>
      <c r="D69" s="135"/>
      <c r="E69" s="136"/>
    </row>
    <row r="70" spans="1:5" s="2" customFormat="1" ht="52.5" customHeight="1" x14ac:dyDescent="0.25">
      <c r="A70" s="51" t="s">
        <v>55</v>
      </c>
      <c r="B70" s="63" t="s">
        <v>108</v>
      </c>
      <c r="C70" s="58"/>
      <c r="D70" s="59"/>
      <c r="E70" s="60"/>
    </row>
    <row r="71" spans="1:5" s="2" customFormat="1" ht="55.5" customHeight="1" x14ac:dyDescent="0.25">
      <c r="A71" s="13" t="s">
        <v>56</v>
      </c>
      <c r="B71" s="62" t="s">
        <v>109</v>
      </c>
      <c r="C71" s="52"/>
      <c r="D71" s="90"/>
      <c r="E71" s="91"/>
    </row>
    <row r="72" spans="1:5" s="2" customFormat="1" ht="67.5" customHeight="1" x14ac:dyDescent="0.25">
      <c r="A72" s="13" t="s">
        <v>57</v>
      </c>
      <c r="B72" s="62" t="s">
        <v>110</v>
      </c>
      <c r="C72" s="52"/>
      <c r="D72" s="90"/>
      <c r="E72" s="91"/>
    </row>
    <row r="73" spans="1:5" s="2" customFormat="1" ht="83.25" customHeight="1" x14ac:dyDescent="0.25">
      <c r="A73" s="13" t="s">
        <v>58</v>
      </c>
      <c r="B73" s="62" t="s">
        <v>111</v>
      </c>
      <c r="C73" s="52"/>
      <c r="D73" s="90"/>
      <c r="E73" s="91"/>
    </row>
    <row r="74" spans="1:5" s="2" customFormat="1" ht="320.25" customHeight="1" x14ac:dyDescent="0.25">
      <c r="A74" s="50" t="s">
        <v>59</v>
      </c>
      <c r="B74" s="62" t="s">
        <v>139</v>
      </c>
      <c r="C74" s="52"/>
      <c r="D74" s="90"/>
      <c r="E74" s="91"/>
    </row>
    <row r="75" spans="1:5" s="2" customFormat="1" ht="120.75" customHeight="1" x14ac:dyDescent="0.25">
      <c r="A75" s="50" t="s">
        <v>60</v>
      </c>
      <c r="B75" s="62" t="s">
        <v>112</v>
      </c>
      <c r="C75" s="52"/>
      <c r="D75" s="90"/>
      <c r="E75" s="91"/>
    </row>
    <row r="76" spans="1:5" s="2" customFormat="1" ht="96" customHeight="1" x14ac:dyDescent="0.25">
      <c r="A76" s="50" t="s">
        <v>61</v>
      </c>
      <c r="B76" s="62" t="s">
        <v>113</v>
      </c>
      <c r="C76" s="52"/>
      <c r="D76" s="90"/>
      <c r="E76" s="91"/>
    </row>
    <row r="77" spans="1:5" s="2" customFormat="1" ht="128.25" customHeight="1" x14ac:dyDescent="0.25">
      <c r="A77" s="13" t="s">
        <v>62</v>
      </c>
      <c r="B77" s="62" t="s">
        <v>114</v>
      </c>
      <c r="C77" s="52"/>
      <c r="D77" s="90"/>
      <c r="E77" s="91"/>
    </row>
    <row r="78" spans="1:5" s="2" customFormat="1" ht="62.25" customHeight="1" x14ac:dyDescent="0.25">
      <c r="A78" s="13" t="s">
        <v>115</v>
      </c>
      <c r="B78" s="62" t="s">
        <v>116</v>
      </c>
      <c r="C78" s="52"/>
      <c r="D78" s="90"/>
      <c r="E78" s="91"/>
    </row>
    <row r="79" spans="1:5" s="2" customFormat="1" ht="174" customHeight="1" x14ac:dyDescent="0.25">
      <c r="A79" s="13" t="s">
        <v>94</v>
      </c>
      <c r="B79" s="62" t="s">
        <v>117</v>
      </c>
      <c r="C79" s="131"/>
      <c r="D79" s="133"/>
      <c r="E79" s="134"/>
    </row>
    <row r="80" spans="1:5" s="2" customFormat="1" ht="121.5" customHeight="1" x14ac:dyDescent="0.25">
      <c r="A80" s="51" t="s">
        <v>95</v>
      </c>
      <c r="B80" s="62" t="s">
        <v>118</v>
      </c>
      <c r="C80" s="132"/>
      <c r="D80" s="135"/>
      <c r="E80" s="136"/>
    </row>
    <row r="81" spans="1:6" s="2" customFormat="1" ht="43.5" customHeight="1" x14ac:dyDescent="0.25">
      <c r="A81" s="13" t="s">
        <v>119</v>
      </c>
      <c r="B81" s="62" t="s">
        <v>120</v>
      </c>
      <c r="C81" s="131"/>
      <c r="D81" s="133"/>
      <c r="E81" s="134"/>
    </row>
    <row r="82" spans="1:6" s="2" customFormat="1" ht="56.25" customHeight="1" x14ac:dyDescent="0.25">
      <c r="A82" s="51" t="s">
        <v>121</v>
      </c>
      <c r="B82" s="62" t="s">
        <v>122</v>
      </c>
      <c r="C82" s="132"/>
      <c r="D82" s="135"/>
      <c r="E82" s="136"/>
    </row>
    <row r="83" spans="1:6" s="2" customFormat="1" ht="86.25" customHeight="1" thickBot="1" x14ac:dyDescent="0.3">
      <c r="A83" s="78" t="s">
        <v>123</v>
      </c>
      <c r="B83" s="79" t="s">
        <v>124</v>
      </c>
      <c r="C83" s="52"/>
      <c r="D83" s="92"/>
      <c r="E83" s="93"/>
    </row>
    <row r="84" spans="1:6" s="2" customFormat="1" ht="80.25" customHeight="1" x14ac:dyDescent="0.25">
      <c r="A84" s="80" t="s">
        <v>126</v>
      </c>
      <c r="B84" s="81" t="s">
        <v>127</v>
      </c>
      <c r="C84" s="76"/>
      <c r="D84" s="77"/>
      <c r="E84" s="77"/>
    </row>
    <row r="85" spans="1:6" s="2" customFormat="1" ht="231" customHeight="1" x14ac:dyDescent="0.25">
      <c r="A85" s="80" t="s">
        <v>128</v>
      </c>
      <c r="B85" s="81" t="s">
        <v>129</v>
      </c>
      <c r="C85" s="76"/>
      <c r="D85" s="77"/>
      <c r="E85" s="77"/>
    </row>
    <row r="86" spans="1:6" s="2" customFormat="1" ht="95.25" customHeight="1" x14ac:dyDescent="0.25">
      <c r="A86" s="80" t="s">
        <v>130</v>
      </c>
      <c r="B86" s="81" t="s">
        <v>131</v>
      </c>
      <c r="C86" s="76"/>
      <c r="D86" s="77"/>
      <c r="E86" s="77"/>
    </row>
    <row r="87" spans="1:6" s="2" customFormat="1" ht="148.5" customHeight="1" x14ac:dyDescent="0.25">
      <c r="A87" s="80" t="s">
        <v>132</v>
      </c>
      <c r="B87" s="81" t="s">
        <v>133</v>
      </c>
      <c r="C87" s="76"/>
      <c r="D87" s="77"/>
      <c r="E87" s="77"/>
    </row>
    <row r="88" spans="1:6" s="2" customFormat="1" ht="79.5" customHeight="1" x14ac:dyDescent="0.25">
      <c r="A88" s="80" t="s">
        <v>134</v>
      </c>
      <c r="B88" s="81" t="s">
        <v>135</v>
      </c>
      <c r="C88" s="76"/>
      <c r="D88" s="77"/>
      <c r="E88" s="77"/>
    </row>
    <row r="89" spans="1:6" s="2" customFormat="1" ht="10.5" customHeight="1" x14ac:dyDescent="0.25"/>
    <row r="90" spans="1:6" s="2" customFormat="1" ht="20.100000000000001" customHeight="1" x14ac:dyDescent="0.25">
      <c r="A90" s="94" t="s">
        <v>50</v>
      </c>
      <c r="B90" s="94"/>
      <c r="C90" s="94"/>
      <c r="D90" s="94"/>
      <c r="E90" s="94"/>
    </row>
    <row r="91" spans="1:6" s="2" customFormat="1" ht="4.5" customHeight="1" thickBot="1" x14ac:dyDescent="0.3"/>
    <row r="92" spans="1:6" s="2" customFormat="1" ht="80.25" customHeight="1" x14ac:dyDescent="0.25">
      <c r="A92" s="95" t="s">
        <v>66</v>
      </c>
      <c r="B92" s="96"/>
      <c r="C92" s="99" t="s">
        <v>93</v>
      </c>
      <c r="D92" s="100"/>
      <c r="E92" s="101"/>
    </row>
    <row r="93" spans="1:6" s="3" customFormat="1" ht="29.25" customHeight="1" thickBot="1" x14ac:dyDescent="0.3">
      <c r="A93" s="97"/>
      <c r="B93" s="98"/>
      <c r="C93" s="26" t="s">
        <v>7</v>
      </c>
      <c r="D93" s="102" t="s">
        <v>28</v>
      </c>
      <c r="E93" s="103"/>
      <c r="F93" s="2"/>
    </row>
    <row r="94" spans="1:6" s="3" customFormat="1" ht="32.25" customHeight="1" x14ac:dyDescent="0.25">
      <c r="A94" s="68" t="s">
        <v>29</v>
      </c>
      <c r="B94" s="69" t="s">
        <v>63</v>
      </c>
      <c r="C94" s="54"/>
      <c r="D94" s="88"/>
      <c r="E94" s="89"/>
      <c r="F94" s="2"/>
    </row>
    <row r="95" spans="1:6" s="3" customFormat="1" ht="57.75" customHeight="1" x14ac:dyDescent="0.25">
      <c r="A95" s="64" t="s">
        <v>30</v>
      </c>
      <c r="B95" s="70" t="s">
        <v>68</v>
      </c>
      <c r="C95" s="66"/>
      <c r="D95" s="148"/>
      <c r="E95" s="149"/>
      <c r="F95" s="2"/>
    </row>
    <row r="96" spans="1:6" s="3" customFormat="1" ht="122.25" customHeight="1" x14ac:dyDescent="0.25">
      <c r="A96" s="50" t="s">
        <v>65</v>
      </c>
      <c r="B96" s="65" t="s">
        <v>69</v>
      </c>
      <c r="C96" s="66"/>
      <c r="D96" s="129"/>
      <c r="E96" s="130"/>
      <c r="F96" s="2"/>
    </row>
    <row r="97" spans="1:6" s="3" customFormat="1" ht="24.95" customHeight="1" thickBot="1" x14ac:dyDescent="0.3">
      <c r="A97" s="71" t="s">
        <v>67</v>
      </c>
      <c r="B97" s="72" t="s">
        <v>51</v>
      </c>
      <c r="C97" s="55"/>
      <c r="D97" s="127"/>
      <c r="E97" s="128"/>
      <c r="F97" s="2"/>
    </row>
    <row r="98" spans="1:6" s="2" customFormat="1" ht="5.0999999999999996" customHeight="1" x14ac:dyDescent="0.25">
      <c r="A98" s="5"/>
      <c r="B98" s="5"/>
      <c r="C98" s="7"/>
      <c r="D98" s="7"/>
      <c r="E98" s="29"/>
    </row>
    <row r="99" spans="1:6" s="2" customFormat="1" ht="20.100000000000001" customHeight="1" x14ac:dyDescent="0.25">
      <c r="A99" s="94" t="s">
        <v>14</v>
      </c>
      <c r="B99" s="94"/>
      <c r="C99" s="94"/>
      <c r="D99" s="94"/>
      <c r="E99" s="94"/>
    </row>
    <row r="100" spans="1:6" s="3" customFormat="1" ht="30" customHeight="1" x14ac:dyDescent="0.25">
      <c r="A100" s="5" t="s">
        <v>16</v>
      </c>
      <c r="B100" s="113" t="s">
        <v>142</v>
      </c>
      <c r="C100" s="113"/>
      <c r="D100" s="113"/>
      <c r="E100" s="113"/>
      <c r="F100" s="2"/>
    </row>
    <row r="101" spans="1:6" s="3" customFormat="1" ht="30" customHeight="1" x14ac:dyDescent="0.25">
      <c r="A101" s="5" t="s">
        <v>31</v>
      </c>
      <c r="B101" s="57" t="s">
        <v>143</v>
      </c>
      <c r="C101" s="57"/>
      <c r="D101" s="57"/>
      <c r="E101" s="57"/>
      <c r="F101" s="2"/>
    </row>
    <row r="102" spans="1:6" s="3" customFormat="1" ht="30" customHeight="1" x14ac:dyDescent="0.25">
      <c r="A102" s="5" t="s">
        <v>144</v>
      </c>
      <c r="B102" s="83" t="s">
        <v>145</v>
      </c>
      <c r="C102" s="83"/>
      <c r="D102" s="83"/>
      <c r="E102" s="83"/>
      <c r="F102" s="2"/>
    </row>
    <row r="103" spans="1:6" s="31" customFormat="1" ht="30" customHeight="1" x14ac:dyDescent="0.25">
      <c r="A103" s="115" t="s">
        <v>32</v>
      </c>
      <c r="B103" s="115"/>
      <c r="C103" s="115"/>
      <c r="D103" s="115"/>
      <c r="E103" s="115"/>
      <c r="F103" s="2"/>
    </row>
    <row r="104" spans="1:6" s="2" customFormat="1" ht="24.95" customHeight="1" x14ac:dyDescent="0.25">
      <c r="A104" s="30" t="s">
        <v>33</v>
      </c>
      <c r="B104" s="110"/>
      <c r="C104" s="110"/>
      <c r="E104" s="31"/>
    </row>
    <row r="105" spans="1:6" s="2" customFormat="1" ht="24.95" customHeight="1" x14ac:dyDescent="0.25">
      <c r="A105" s="30" t="s">
        <v>34</v>
      </c>
      <c r="B105" s="111"/>
      <c r="C105" s="111"/>
      <c r="E105" s="31"/>
    </row>
    <row r="106" spans="1:6" s="2" customFormat="1" ht="24.95" customHeight="1" x14ac:dyDescent="0.25">
      <c r="A106" s="30" t="s">
        <v>35</v>
      </c>
      <c r="B106" s="111"/>
      <c r="C106" s="111"/>
      <c r="E106" s="31"/>
    </row>
    <row r="107" spans="1:6" s="3" customFormat="1" ht="24.95" customHeight="1" x14ac:dyDescent="0.25">
      <c r="A107" s="30" t="s">
        <v>36</v>
      </c>
      <c r="B107" s="111"/>
      <c r="C107" s="111"/>
      <c r="D107" s="2"/>
      <c r="E107" s="32"/>
      <c r="F107" s="2"/>
    </row>
    <row r="108" spans="1:6" s="2" customFormat="1" ht="46.5" customHeight="1" x14ac:dyDescent="0.2">
      <c r="A108" s="11"/>
      <c r="B108" s="12"/>
      <c r="C108" s="12"/>
      <c r="E108" s="33"/>
    </row>
    <row r="109" spans="1:6" s="3" customFormat="1" ht="15" customHeight="1" x14ac:dyDescent="0.25">
      <c r="A109" s="114" t="s">
        <v>37</v>
      </c>
      <c r="B109" s="114"/>
      <c r="C109" s="114"/>
      <c r="D109" s="114"/>
      <c r="E109" s="114"/>
    </row>
    <row r="110" spans="1:6" s="2" customFormat="1" ht="36.75" customHeight="1" x14ac:dyDescent="0.25">
      <c r="A110" s="112" t="s">
        <v>48</v>
      </c>
      <c r="B110" s="112"/>
      <c r="C110" s="112"/>
      <c r="D110" s="112"/>
      <c r="E110" s="112"/>
    </row>
    <row r="111" spans="1:6" s="2" customFormat="1" ht="20.100000000000001" customHeight="1" x14ac:dyDescent="0.2">
      <c r="A111" s="1"/>
      <c r="B111" s="1"/>
      <c r="C111" s="8"/>
      <c r="D111" s="8"/>
    </row>
    <row r="112" spans="1:6" s="3" customFormat="1" ht="4.5" customHeight="1" x14ac:dyDescent="0.2">
      <c r="A112" s="1"/>
      <c r="B112" s="1"/>
      <c r="C112" s="8"/>
      <c r="D112" s="8"/>
      <c r="E112" s="2"/>
    </row>
    <row r="113" spans="1:5" s="3" customFormat="1" ht="20.100000000000001" customHeight="1" x14ac:dyDescent="0.25">
      <c r="A113" s="34" t="s">
        <v>38</v>
      </c>
      <c r="B113" s="35"/>
      <c r="C113" s="36" t="s">
        <v>39</v>
      </c>
      <c r="D113" s="109"/>
      <c r="E113" s="109"/>
    </row>
    <row r="114" spans="1:5" s="3" customFormat="1" ht="20.100000000000001" customHeight="1" x14ac:dyDescent="0.25">
      <c r="A114" s="37"/>
      <c r="B114" s="37"/>
      <c r="C114" s="37"/>
      <c r="D114" s="38"/>
      <c r="E114" s="38"/>
    </row>
    <row r="115" spans="1:5" ht="20.100000000000001" customHeight="1" x14ac:dyDescent="0.2">
      <c r="A115" s="34" t="s">
        <v>40</v>
      </c>
      <c r="B115" s="35"/>
      <c r="C115" s="39" t="s">
        <v>41</v>
      </c>
      <c r="D115" s="110"/>
      <c r="E115" s="110"/>
    </row>
    <row r="116" spans="1:5" s="2" customFormat="1" ht="20.100000000000001" customHeight="1" x14ac:dyDescent="0.2">
      <c r="A116" s="1"/>
      <c r="B116" s="1"/>
      <c r="C116" s="39" t="s">
        <v>42</v>
      </c>
      <c r="D116" s="111"/>
      <c r="E116" s="111"/>
    </row>
    <row r="117" spans="1:5" s="2" customFormat="1" ht="20.100000000000001" customHeight="1" x14ac:dyDescent="0.2">
      <c r="A117" s="1"/>
      <c r="B117" s="1"/>
      <c r="C117" s="40" t="s">
        <v>43</v>
      </c>
      <c r="D117" s="1"/>
    </row>
    <row r="118" spans="1:5" s="2" customFormat="1" ht="37.5" customHeight="1" x14ac:dyDescent="0.25"/>
    <row r="119" spans="1:5" s="2" customFormat="1" ht="24" customHeight="1" x14ac:dyDescent="0.25"/>
    <row r="120" spans="1:5" s="2" customFormat="1" ht="24" customHeight="1" x14ac:dyDescent="0.25"/>
    <row r="121" spans="1:5" s="2" customFormat="1" ht="24" customHeight="1" x14ac:dyDescent="0.25"/>
    <row r="122" spans="1:5" s="2" customFormat="1" ht="20.100000000000001" customHeight="1" x14ac:dyDescent="0.25"/>
    <row r="123" spans="1:5" s="2" customFormat="1" ht="20.100000000000001" customHeight="1" x14ac:dyDescent="0.25"/>
    <row r="124" spans="1:5" s="2" customFormat="1" ht="50.1" customHeight="1" x14ac:dyDescent="0.25"/>
    <row r="125" spans="1:5" s="2" customFormat="1" ht="43.5" customHeight="1" x14ac:dyDescent="0.25"/>
    <row r="126" spans="1:5" ht="24.75" customHeight="1" x14ac:dyDescent="0.2">
      <c r="A126" s="2"/>
      <c r="B126" s="2"/>
      <c r="C126" s="2"/>
      <c r="D126" s="2"/>
    </row>
    <row r="127" spans="1:5" x14ac:dyDescent="0.2">
      <c r="A127" s="2"/>
      <c r="B127" s="2"/>
      <c r="C127" s="2"/>
      <c r="D127" s="2"/>
    </row>
    <row r="128" spans="1:5" ht="20.100000000000001" customHeight="1" x14ac:dyDescent="0.2"/>
    <row r="129" ht="4.5" customHeight="1" x14ac:dyDescent="0.2"/>
    <row r="130" ht="20.100000000000001" customHeight="1" x14ac:dyDescent="0.2"/>
    <row r="131" ht="20.100000000000001" customHeight="1" x14ac:dyDescent="0.2"/>
    <row r="132" ht="20.100000000000001" customHeight="1" x14ac:dyDescent="0.2"/>
  </sheetData>
  <mergeCells count="89">
    <mergeCell ref="D44:E44"/>
    <mergeCell ref="D51:E51"/>
    <mergeCell ref="A13:C13"/>
    <mergeCell ref="D95:E95"/>
    <mergeCell ref="D71:E71"/>
    <mergeCell ref="D72:E72"/>
    <mergeCell ref="D73:E73"/>
    <mergeCell ref="D74:E74"/>
    <mergeCell ref="D75:E75"/>
    <mergeCell ref="B30:C30"/>
    <mergeCell ref="D41:E41"/>
    <mergeCell ref="A14:C14"/>
    <mergeCell ref="A36:E36"/>
    <mergeCell ref="A38:B39"/>
    <mergeCell ref="C38:E38"/>
    <mergeCell ref="D39:E39"/>
    <mergeCell ref="A7:E7"/>
    <mergeCell ref="A8:E8"/>
    <mergeCell ref="A9:E9"/>
    <mergeCell ref="A11:E11"/>
    <mergeCell ref="A12:C12"/>
    <mergeCell ref="D47:E47"/>
    <mergeCell ref="D45:E45"/>
    <mergeCell ref="D76:E76"/>
    <mergeCell ref="D77:E77"/>
    <mergeCell ref="D78:E78"/>
    <mergeCell ref="D48:E48"/>
    <mergeCell ref="D50:E50"/>
    <mergeCell ref="D52:E52"/>
    <mergeCell ref="A49:E49"/>
    <mergeCell ref="D65:E65"/>
    <mergeCell ref="D66:E66"/>
    <mergeCell ref="D67:E67"/>
    <mergeCell ref="D97:E97"/>
    <mergeCell ref="D53:E53"/>
    <mergeCell ref="A90:E90"/>
    <mergeCell ref="A92:B93"/>
    <mergeCell ref="C92:E92"/>
    <mergeCell ref="D93:E93"/>
    <mergeCell ref="D96:E96"/>
    <mergeCell ref="C79:C80"/>
    <mergeCell ref="D79:E80"/>
    <mergeCell ref="D81:E82"/>
    <mergeCell ref="C81:C82"/>
    <mergeCell ref="C68:C69"/>
    <mergeCell ref="D68:E69"/>
    <mergeCell ref="D54:E54"/>
    <mergeCell ref="D55:E55"/>
    <mergeCell ref="D61:E61"/>
    <mergeCell ref="A22:E22"/>
    <mergeCell ref="D43:E43"/>
    <mergeCell ref="A17:C17"/>
    <mergeCell ref="A18:C18"/>
    <mergeCell ref="A19:E19"/>
    <mergeCell ref="A20:E20"/>
    <mergeCell ref="A21:C21"/>
    <mergeCell ref="A40:E40"/>
    <mergeCell ref="A23:E23"/>
    <mergeCell ref="B28:C28"/>
    <mergeCell ref="A32:B32"/>
    <mergeCell ref="B29:C29"/>
    <mergeCell ref="D113:E113"/>
    <mergeCell ref="D115:E115"/>
    <mergeCell ref="D116:E116"/>
    <mergeCell ref="A110:E110"/>
    <mergeCell ref="A99:E99"/>
    <mergeCell ref="B100:E100"/>
    <mergeCell ref="A109:E109"/>
    <mergeCell ref="B104:C104"/>
    <mergeCell ref="B105:C105"/>
    <mergeCell ref="B106:C106"/>
    <mergeCell ref="B107:C107"/>
    <mergeCell ref="A103:E103"/>
    <mergeCell ref="A2:E2"/>
    <mergeCell ref="A1:E1"/>
    <mergeCell ref="A24:B24"/>
    <mergeCell ref="A27:B27"/>
    <mergeCell ref="D94:E94"/>
    <mergeCell ref="D63:E63"/>
    <mergeCell ref="D64:E64"/>
    <mergeCell ref="D83:E83"/>
    <mergeCell ref="D62:E62"/>
    <mergeCell ref="A57:E57"/>
    <mergeCell ref="A59:B60"/>
    <mergeCell ref="C59:E59"/>
    <mergeCell ref="D60:E60"/>
    <mergeCell ref="D42:E42"/>
    <mergeCell ref="A3:E3"/>
    <mergeCell ref="D46:E46"/>
  </mergeCells>
  <conditionalFormatting sqref="B104:C105 B107:C107 C61:C68 C71:C79 C81 C83:C88 C46 C55">
    <cfRule type="containsBlanks" dxfId="16" priority="71">
      <formula>LEN(TRIM(B46))=0</formula>
    </cfRule>
  </conditionalFormatting>
  <conditionalFormatting sqref="D115:E115">
    <cfRule type="containsBlanks" dxfId="15" priority="70">
      <formula>LEN(TRIM(D115))=0</formula>
    </cfRule>
  </conditionalFormatting>
  <conditionalFormatting sqref="B113">
    <cfRule type="containsBlanks" dxfId="14" priority="68">
      <formula>LEN(TRIM(B113))=0</formula>
    </cfRule>
  </conditionalFormatting>
  <conditionalFormatting sqref="D116:E116">
    <cfRule type="containsBlanks" dxfId="13" priority="69">
      <formula>LEN(TRIM(D116))=0</formula>
    </cfRule>
  </conditionalFormatting>
  <conditionalFormatting sqref="B115">
    <cfRule type="containsBlanks" dxfId="12" priority="67">
      <formula>LEN(TRIM(B115))=0</formula>
    </cfRule>
  </conditionalFormatting>
  <conditionalFormatting sqref="B4:B5">
    <cfRule type="containsBlanks" dxfId="11" priority="66">
      <formula>LEN(TRIM(B4))=0</formula>
    </cfRule>
  </conditionalFormatting>
  <conditionalFormatting sqref="C43:C45">
    <cfRule type="containsBlanks" dxfId="10" priority="64">
      <formula>LEN(TRIM(C43))=0</formula>
    </cfRule>
  </conditionalFormatting>
  <conditionalFormatting sqref="C94:C96">
    <cfRule type="containsBlanks" dxfId="9" priority="60">
      <formula>LEN(TRIM(C94))=0</formula>
    </cfRule>
  </conditionalFormatting>
  <conditionalFormatting sqref="C97">
    <cfRule type="containsBlanks" dxfId="8" priority="59">
      <formula>LEN(TRIM(C97))=0</formula>
    </cfRule>
  </conditionalFormatting>
  <conditionalFormatting sqref="B106:C106">
    <cfRule type="containsBlanks" dxfId="7" priority="56">
      <formula>LEN(TRIM(B106))=0</formula>
    </cfRule>
  </conditionalFormatting>
  <conditionalFormatting sqref="C41">
    <cfRule type="containsBlanks" dxfId="6" priority="55">
      <formula>LEN(TRIM(C41))=0</formula>
    </cfRule>
  </conditionalFormatting>
  <conditionalFormatting sqref="C42">
    <cfRule type="containsBlanks" dxfId="5" priority="53">
      <formula>LEN(TRIM(C42))=0</formula>
    </cfRule>
  </conditionalFormatting>
  <conditionalFormatting sqref="C47">
    <cfRule type="containsBlanks" dxfId="4" priority="51">
      <formula>LEN(TRIM(C47))=0</formula>
    </cfRule>
  </conditionalFormatting>
  <conditionalFormatting sqref="C53:C54">
    <cfRule type="containsBlanks" dxfId="3" priority="42">
      <formula>LEN(TRIM(C53))=0</formula>
    </cfRule>
  </conditionalFormatting>
  <conditionalFormatting sqref="C50:C51">
    <cfRule type="containsBlanks" dxfId="2" priority="43">
      <formula>LEN(TRIM(C50))=0</formula>
    </cfRule>
  </conditionalFormatting>
  <conditionalFormatting sqref="C48">
    <cfRule type="containsBlanks" dxfId="1" priority="41">
      <formula>LEN(TRIM(C48))=0</formula>
    </cfRule>
  </conditionalFormatting>
  <conditionalFormatting sqref="C52">
    <cfRule type="containsBlanks" dxfId="0" priority="40">
      <formula>LEN(TRIM(C52))=0</formula>
    </cfRule>
  </conditionalFormatting>
  <pageMargins left="0.7" right="0.7" top="0.97499999999999998" bottom="0.75" header="0.3" footer="0.3"/>
  <pageSetup paperSize="9" scale="65"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32</xdr:row>
                    <xdr:rowOff>9525</xdr:rowOff>
                  </from>
                  <to>
                    <xdr:col>0</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33</xdr:row>
                    <xdr:rowOff>0</xdr:rowOff>
                  </from>
                  <to>
                    <xdr:col>0</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ponuka</vt:lpstr>
      <vt:lpstr>'PTK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ana Kapáková</dc:creator>
  <cp:lastModifiedBy>Dana Kapáková</cp:lastModifiedBy>
  <cp:lastPrinted>2021-05-31T09:11:44Z</cp:lastPrinted>
  <dcterms:created xsi:type="dcterms:W3CDTF">2017-04-21T05:51:15Z</dcterms:created>
  <dcterms:modified xsi:type="dcterms:W3CDTF">2021-05-31T09:35:12Z</dcterms:modified>
</cp:coreProperties>
</file>